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9400\common\R4参議\I.大塚\03    期日前中間投票集計\3回目\⑤ＨＰ\"/>
    </mc:Choice>
  </mc:AlternateContent>
  <bookViews>
    <workbookView xWindow="0" yWindow="0" windowWidth="23040" windowHeight="8208"/>
  </bookViews>
  <sheets>
    <sheet name="Ｒ4.7.8現在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2" uniqueCount="82">
  <si>
    <t>令和４年執行参議院神奈川県選出議員選挙における期日前投票の状況</t>
    <rPh sb="0" eb="2">
      <t>レイワ</t>
    </rPh>
    <rPh sb="3" eb="4">
      <t>ネン</t>
    </rPh>
    <rPh sb="4" eb="6">
      <t>シッコウ</t>
    </rPh>
    <rPh sb="6" eb="9">
      <t>サンギイン</t>
    </rPh>
    <rPh sb="9" eb="12">
      <t>カナガワ</t>
    </rPh>
    <rPh sb="12" eb="13">
      <t>ケン</t>
    </rPh>
    <rPh sb="13" eb="15">
      <t>センシュツ</t>
    </rPh>
    <rPh sb="15" eb="17">
      <t>ギイン</t>
    </rPh>
    <rPh sb="17" eb="19">
      <t>センキョ</t>
    </rPh>
    <rPh sb="23" eb="25">
      <t>キジツ</t>
    </rPh>
    <rPh sb="25" eb="26">
      <t>ゼン</t>
    </rPh>
    <rPh sb="26" eb="28">
      <t>トウヒョウ</t>
    </rPh>
    <rPh sb="29" eb="31">
      <t>ジョウキョウ</t>
    </rPh>
    <phoneticPr fontId="3"/>
  </si>
  <si>
    <t>（令和４年７月８日現在）</t>
    <rPh sb="1" eb="3">
      <t>レイワ</t>
    </rPh>
    <rPh sb="4" eb="5">
      <t>ネン</t>
    </rPh>
    <rPh sb="5" eb="6">
      <t>ヘイネン</t>
    </rPh>
    <rPh sb="6" eb="7">
      <t>ガツ</t>
    </rPh>
    <rPh sb="8" eb="9">
      <t>ニチ</t>
    </rPh>
    <rPh sb="9" eb="11">
      <t>ゲンザイ</t>
    </rPh>
    <phoneticPr fontId="3"/>
  </si>
  <si>
    <t>市　区　町　村　名</t>
    <rPh sb="0" eb="1">
      <t>シ</t>
    </rPh>
    <rPh sb="2" eb="3">
      <t>ク</t>
    </rPh>
    <rPh sb="4" eb="5">
      <t>マチ</t>
    </rPh>
    <rPh sb="6" eb="7">
      <t>ムラ</t>
    </rPh>
    <rPh sb="8" eb="9">
      <t>メイ</t>
    </rPh>
    <phoneticPr fontId="3"/>
  </si>
  <si>
    <t>投票者数(国内)</t>
    <rPh sb="0" eb="2">
      <t>トウヒョウ</t>
    </rPh>
    <rPh sb="2" eb="3">
      <t>モノ</t>
    </rPh>
    <rPh sb="3" eb="4">
      <t>スウ</t>
    </rPh>
    <rPh sb="5" eb="7">
      <t>コクナイ</t>
    </rPh>
    <phoneticPr fontId="3"/>
  </si>
  <si>
    <t>投票者数(在外)</t>
    <rPh sb="0" eb="3">
      <t>トウヒョウシャ</t>
    </rPh>
    <rPh sb="3" eb="4">
      <t>スウ</t>
    </rPh>
    <rPh sb="5" eb="7">
      <t>ザイガイ</t>
    </rPh>
    <phoneticPr fontId="3"/>
  </si>
  <si>
    <t>投票者数(合計) (Ａ)</t>
    <rPh sb="0" eb="3">
      <t>トウヒョウシャ</t>
    </rPh>
    <rPh sb="3" eb="4">
      <t>スウ</t>
    </rPh>
    <rPh sb="5" eb="7">
      <t>ゴウケイ</t>
    </rPh>
    <phoneticPr fontId="3"/>
  </si>
  <si>
    <t>前回参議（Ｂ）</t>
    <rPh sb="0" eb="2">
      <t>ゼンカイ</t>
    </rPh>
    <rPh sb="2" eb="4">
      <t>サンギ</t>
    </rPh>
    <phoneticPr fontId="3"/>
  </si>
  <si>
    <t>増減（Ａ－Ｂ）</t>
    <rPh sb="0" eb="2">
      <t>ゾウゲン</t>
    </rPh>
    <phoneticPr fontId="3"/>
  </si>
  <si>
    <t>比較（Ａ／Ｂ）</t>
    <rPh sb="0" eb="2">
      <t>ヒカク</t>
    </rPh>
    <phoneticPr fontId="3"/>
  </si>
  <si>
    <t>横浜市</t>
  </si>
  <si>
    <t>鶴　見　区</t>
  </si>
  <si>
    <t>神奈川区</t>
  </si>
  <si>
    <t>西　　　区</t>
  </si>
  <si>
    <t>中　　　区</t>
  </si>
  <si>
    <t>南　　　区</t>
  </si>
  <si>
    <t>港　南　区</t>
  </si>
  <si>
    <t>保土ケ谷区</t>
    <phoneticPr fontId="3"/>
  </si>
  <si>
    <t>旭　　　区</t>
  </si>
  <si>
    <t>磯　子　区</t>
  </si>
  <si>
    <t>金　沢　区</t>
  </si>
  <si>
    <t>港　北　区</t>
  </si>
  <si>
    <t>緑　　　区</t>
  </si>
  <si>
    <t>青　葉　区</t>
  </si>
  <si>
    <t>都　筑　区</t>
  </si>
  <si>
    <t>戸　塚　区</t>
  </si>
  <si>
    <t>栄　　　区</t>
  </si>
  <si>
    <t>泉　　　区</t>
  </si>
  <si>
    <t>瀬　谷　区</t>
  </si>
  <si>
    <t>川崎市</t>
  </si>
  <si>
    <t>川　崎　区</t>
  </si>
  <si>
    <t>幸　　　区</t>
  </si>
  <si>
    <t>中　原　区</t>
  </si>
  <si>
    <t>高　津　区</t>
  </si>
  <si>
    <t>宮　前　区</t>
  </si>
  <si>
    <t>多　摩　区</t>
  </si>
  <si>
    <t>麻　生　区</t>
  </si>
  <si>
    <t>相模原市</t>
    <rPh sb="0" eb="3">
      <t>サガミハラ</t>
    </rPh>
    <phoneticPr fontId="3"/>
  </si>
  <si>
    <t>緑　区</t>
    <rPh sb="0" eb="1">
      <t>ミドリ</t>
    </rPh>
    <phoneticPr fontId="3"/>
  </si>
  <si>
    <t>中　央　区</t>
    <rPh sb="0" eb="1">
      <t>チュウ</t>
    </rPh>
    <rPh sb="2" eb="3">
      <t>ヒサシ</t>
    </rPh>
    <phoneticPr fontId="3"/>
  </si>
  <si>
    <t>南　区</t>
    <rPh sb="0" eb="1">
      <t>ミナミ</t>
    </rPh>
    <phoneticPr fontId="3"/>
  </si>
  <si>
    <t>横須賀市</t>
  </si>
  <si>
    <t>平塚市</t>
  </si>
  <si>
    <t>鎌倉市</t>
  </si>
  <si>
    <t>藤沢市</t>
  </si>
  <si>
    <t>小田原市</t>
  </si>
  <si>
    <t>茅ヶ崎市</t>
    <phoneticPr fontId="3"/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葉山町</t>
    <phoneticPr fontId="3"/>
  </si>
  <si>
    <t>高座郡寒川町</t>
    <phoneticPr fontId="3"/>
  </si>
  <si>
    <t>中郡</t>
  </si>
  <si>
    <t>大　磯　町</t>
  </si>
  <si>
    <t>二　宮　町</t>
  </si>
  <si>
    <t>足柄上郡</t>
  </si>
  <si>
    <t>中　井　町</t>
  </si>
  <si>
    <t>大　井　町</t>
  </si>
  <si>
    <t>松　田　町</t>
  </si>
  <si>
    <t>山　北　町</t>
  </si>
  <si>
    <t>開　成　町</t>
  </si>
  <si>
    <t>足柄下郡</t>
  </si>
  <si>
    <t>箱　根　町</t>
  </si>
  <si>
    <t>真　鶴　町</t>
  </si>
  <si>
    <t>湯河原町</t>
  </si>
  <si>
    <t>愛甲郡</t>
  </si>
  <si>
    <t>愛　川　町</t>
  </si>
  <si>
    <t>清　川　村</t>
  </si>
  <si>
    <t>市部計</t>
  </si>
  <si>
    <t>郡部計</t>
  </si>
  <si>
    <t>県計</t>
  </si>
  <si>
    <t>(注）</t>
    <rPh sb="1" eb="2">
      <t>チュウ</t>
    </rPh>
    <phoneticPr fontId="3"/>
  </si>
  <si>
    <t>１　「投票者数（合計）（Ａ）」及び「前回参議（Ｂ）」は、同時期（投票日２日前）の投票者数であるが、</t>
    <rPh sb="3" eb="5">
      <t>トウヒョウ</t>
    </rPh>
    <rPh sb="5" eb="6">
      <t>シャ</t>
    </rPh>
    <rPh sb="6" eb="7">
      <t>スウ</t>
    </rPh>
    <rPh sb="8" eb="10">
      <t>ゴウケイ</t>
    </rPh>
    <rPh sb="15" eb="16">
      <t>オヨ</t>
    </rPh>
    <rPh sb="18" eb="20">
      <t>ゼンカイ</t>
    </rPh>
    <rPh sb="20" eb="22">
      <t>サンギ</t>
    </rPh>
    <rPh sb="28" eb="31">
      <t>ドウジキ</t>
    </rPh>
    <rPh sb="32" eb="34">
      <t>トウヒョウ</t>
    </rPh>
    <rPh sb="34" eb="35">
      <t>ビ</t>
    </rPh>
    <rPh sb="36" eb="37">
      <t>ニチ</t>
    </rPh>
    <rPh sb="37" eb="38">
      <t>マエ</t>
    </rPh>
    <rPh sb="40" eb="42">
      <t>トウヒョウ</t>
    </rPh>
    <rPh sb="42" eb="43">
      <t>シャ</t>
    </rPh>
    <rPh sb="43" eb="44">
      <t>スウ</t>
    </rPh>
    <phoneticPr fontId="3"/>
  </si>
  <si>
    <t>　「投票者数（合計）（Ａ）」は公示日翌日から16日間、「前回参議（Ｂ）」は公示日翌日から15日間の投票者数である。</t>
    <phoneticPr fontId="3"/>
  </si>
  <si>
    <t>２　比較（Ａ／Ｂ）の数値は、小数点以下第３位を四捨五入したもの。</t>
    <phoneticPr fontId="3"/>
  </si>
  <si>
    <t>３　前回（令和元年）の最終期日前投票者数 1,090,056人、当日投票者数等も含めた全体の投票率　48.73％</t>
    <rPh sb="2" eb="4">
      <t>ゼンカイ</t>
    </rPh>
    <rPh sb="5" eb="7">
      <t>レイワ</t>
    </rPh>
    <rPh sb="7" eb="8">
      <t>ガン</t>
    </rPh>
    <rPh sb="8" eb="9">
      <t>ネン</t>
    </rPh>
    <rPh sb="32" eb="34">
      <t>トウジツ</t>
    </rPh>
    <rPh sb="34" eb="36">
      <t>トウヒョウ</t>
    </rPh>
    <rPh sb="36" eb="37">
      <t>シャ</t>
    </rPh>
    <rPh sb="37" eb="38">
      <t>スウ</t>
    </rPh>
    <rPh sb="38" eb="39">
      <t>トウ</t>
    </rPh>
    <rPh sb="40" eb="41">
      <t>フ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84">
    <xf numFmtId="0" fontId="0" fillId="0" borderId="0" xfId="0"/>
    <xf numFmtId="0" fontId="2" fillId="0" borderId="0" xfId="0" applyFont="1" applyAlignment="1">
      <alignment horizontal="center"/>
    </xf>
    <xf numFmtId="0" fontId="0" fillId="0" borderId="0" xfId="0" applyFill="1"/>
    <xf numFmtId="0" fontId="0" fillId="0" borderId="0" xfId="0" applyFill="1" applyBorder="1" applyAlignment="1">
      <alignment horizontal="right"/>
    </xf>
    <xf numFmtId="0" fontId="0" fillId="0" borderId="1" xfId="0" quotePrefix="1" applyFill="1" applyBorder="1" applyAlignment="1">
      <alignment horizontal="right"/>
    </xf>
    <xf numFmtId="0" fontId="0" fillId="0" borderId="0" xfId="0" quotePrefix="1" applyFill="1" applyBorder="1" applyAlignment="1">
      <alignment horizontal="right"/>
    </xf>
    <xf numFmtId="0" fontId="0" fillId="0" borderId="2" xfId="0" applyFill="1" applyBorder="1" applyAlignment="1">
      <alignment vertical="center"/>
    </xf>
    <xf numFmtId="0" fontId="0" fillId="0" borderId="3" xfId="0" applyFill="1" applyBorder="1" applyAlignment="1">
      <alignment horizontal="center" vertical="center"/>
    </xf>
    <xf numFmtId="0" fontId="0" fillId="0" borderId="4" xfId="0" applyFill="1" applyBorder="1" applyAlignment="1">
      <alignment vertical="center"/>
    </xf>
    <xf numFmtId="0" fontId="0" fillId="0" borderId="3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/>
    </xf>
    <xf numFmtId="0" fontId="0" fillId="0" borderId="6" xfId="0" applyFill="1" applyBorder="1" applyAlignment="1">
      <alignment horizontal="center" vertical="center"/>
    </xf>
    <xf numFmtId="0" fontId="0" fillId="0" borderId="7" xfId="0" applyFill="1" applyBorder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Fill="1" applyAlignment="1">
      <alignment vertical="center"/>
    </xf>
    <xf numFmtId="0" fontId="0" fillId="0" borderId="8" xfId="0" applyFill="1" applyBorder="1"/>
    <xf numFmtId="176" fontId="4" fillId="0" borderId="9" xfId="0" applyNumberFormat="1" applyFont="1" applyFill="1" applyBorder="1" applyAlignment="1">
      <alignment horizontal="distributed" vertical="center"/>
    </xf>
    <xf numFmtId="176" fontId="4" fillId="0" borderId="10" xfId="0" applyNumberFormat="1" applyFont="1" applyFill="1" applyBorder="1" applyAlignment="1">
      <alignment horizontal="distributed" vertical="center"/>
    </xf>
    <xf numFmtId="38" fontId="1" fillId="0" borderId="9" xfId="1" applyFont="1" applyFill="1" applyBorder="1"/>
    <xf numFmtId="38" fontId="1" fillId="0" borderId="11" xfId="1" applyFont="1" applyFill="1" applyBorder="1"/>
    <xf numFmtId="38" fontId="1" fillId="0" borderId="12" xfId="1" applyBorder="1"/>
    <xf numFmtId="2" fontId="0" fillId="0" borderId="13" xfId="0" applyNumberFormat="1" applyFill="1" applyBorder="1"/>
    <xf numFmtId="0" fontId="0" fillId="0" borderId="14" xfId="0" applyFill="1" applyBorder="1"/>
    <xf numFmtId="176" fontId="4" fillId="0" borderId="15" xfId="0" applyNumberFormat="1" applyFont="1" applyFill="1" applyBorder="1" applyAlignment="1">
      <alignment vertical="center"/>
    </xf>
    <xf numFmtId="176" fontId="4" fillId="0" borderId="15" xfId="0" quotePrefix="1" applyNumberFormat="1" applyFont="1" applyFill="1" applyBorder="1" applyAlignment="1">
      <alignment horizontal="distributed" vertical="center"/>
    </xf>
    <xf numFmtId="176" fontId="4" fillId="0" borderId="16" xfId="0" quotePrefix="1" applyNumberFormat="1" applyFont="1" applyFill="1" applyBorder="1" applyAlignment="1">
      <alignment horizontal="distributed" vertical="center"/>
    </xf>
    <xf numFmtId="38" fontId="1" fillId="0" borderId="15" xfId="1" applyFont="1" applyFill="1" applyBorder="1"/>
    <xf numFmtId="38" fontId="1" fillId="0" borderId="17" xfId="1" applyFont="1" applyFill="1" applyBorder="1"/>
    <xf numFmtId="176" fontId="1" fillId="0" borderId="18" xfId="1" applyNumberFormat="1" applyFont="1" applyFill="1" applyBorder="1" applyAlignment="1">
      <alignment horizontal="right"/>
    </xf>
    <xf numFmtId="176" fontId="1" fillId="0" borderId="11" xfId="1" applyNumberFormat="1" applyFont="1" applyFill="1" applyBorder="1"/>
    <xf numFmtId="38" fontId="1" fillId="0" borderId="0" xfId="1" applyFont="1" applyFill="1" applyBorder="1"/>
    <xf numFmtId="176" fontId="5" fillId="0" borderId="15" xfId="0" applyNumberFormat="1" applyFont="1" applyFill="1" applyBorder="1" applyAlignment="1">
      <alignment horizontal="distributed" vertical="center"/>
    </xf>
    <xf numFmtId="176" fontId="4" fillId="0" borderId="16" xfId="0" applyNumberFormat="1" applyFont="1" applyFill="1" applyBorder="1" applyAlignment="1">
      <alignment horizontal="distributed" vertical="center"/>
    </xf>
    <xf numFmtId="38" fontId="1" fillId="0" borderId="15" xfId="1" applyFont="1" applyFill="1" applyBorder="1" applyAlignment="1">
      <alignment horizontal="right"/>
    </xf>
    <xf numFmtId="38" fontId="1" fillId="0" borderId="17" xfId="1" applyFont="1" applyFill="1" applyBorder="1" applyAlignment="1">
      <alignment horizontal="right"/>
    </xf>
    <xf numFmtId="176" fontId="4" fillId="0" borderId="15" xfId="0" applyNumberFormat="1" applyFont="1" applyFill="1" applyBorder="1" applyAlignment="1">
      <alignment horizontal="distributed" vertical="center"/>
    </xf>
    <xf numFmtId="176" fontId="1" fillId="0" borderId="19" xfId="1" applyNumberFormat="1" applyBorder="1"/>
    <xf numFmtId="0" fontId="0" fillId="0" borderId="14" xfId="0" applyBorder="1"/>
    <xf numFmtId="176" fontId="1" fillId="0" borderId="18" xfId="1" applyNumberFormat="1" applyFont="1" applyFill="1" applyBorder="1"/>
    <xf numFmtId="2" fontId="0" fillId="0" borderId="20" xfId="0" applyNumberFormat="1" applyFill="1" applyBorder="1"/>
    <xf numFmtId="176" fontId="1" fillId="0" borderId="19" xfId="1" applyNumberFormat="1" applyFont="1" applyFill="1" applyBorder="1" applyAlignment="1">
      <alignment horizontal="right"/>
    </xf>
    <xf numFmtId="176" fontId="1" fillId="0" borderId="17" xfId="1" applyNumberFormat="1" applyFont="1" applyFill="1" applyBorder="1" applyAlignment="1">
      <alignment horizontal="right"/>
    </xf>
    <xf numFmtId="0" fontId="0" fillId="0" borderId="21" xfId="0" applyFill="1" applyBorder="1"/>
    <xf numFmtId="176" fontId="4" fillId="0" borderId="22" xfId="0" applyNumberFormat="1" applyFont="1" applyFill="1" applyBorder="1" applyAlignment="1">
      <alignment horizontal="distributed" vertical="center"/>
    </xf>
    <xf numFmtId="176" fontId="4" fillId="0" borderId="23" xfId="0" applyNumberFormat="1" applyFont="1" applyFill="1" applyBorder="1" applyAlignment="1">
      <alignment horizontal="distributed" vertical="center"/>
    </xf>
    <xf numFmtId="38" fontId="1" fillId="0" borderId="22" xfId="1" applyFont="1" applyFill="1" applyBorder="1"/>
    <xf numFmtId="38" fontId="1" fillId="0" borderId="24" xfId="1" applyFont="1" applyFill="1" applyBorder="1"/>
    <xf numFmtId="176" fontId="1" fillId="0" borderId="25" xfId="1" applyNumberFormat="1" applyFont="1" applyFill="1" applyBorder="1"/>
    <xf numFmtId="176" fontId="1" fillId="0" borderId="26" xfId="1" applyNumberFormat="1" applyFont="1" applyFill="1" applyBorder="1"/>
    <xf numFmtId="2" fontId="0" fillId="0" borderId="27" xfId="0" applyNumberFormat="1" applyFill="1" applyBorder="1"/>
    <xf numFmtId="0" fontId="0" fillId="0" borderId="8" xfId="0" applyBorder="1"/>
    <xf numFmtId="38" fontId="1" fillId="0" borderId="28" xfId="1" applyFont="1" applyFill="1" applyBorder="1"/>
    <xf numFmtId="38" fontId="1" fillId="0" borderId="29" xfId="1" applyFont="1" applyFill="1" applyBorder="1"/>
    <xf numFmtId="38" fontId="1" fillId="0" borderId="30" xfId="1" applyFont="1" applyFill="1" applyBorder="1"/>
    <xf numFmtId="176" fontId="1" fillId="0" borderId="31" xfId="1" applyNumberFormat="1" applyFont="1" applyFill="1" applyBorder="1"/>
    <xf numFmtId="176" fontId="1" fillId="0" borderId="29" xfId="1" applyNumberFormat="1" applyFont="1" applyFill="1" applyBorder="1"/>
    <xf numFmtId="2" fontId="0" fillId="0" borderId="32" xfId="0" applyNumberFormat="1" applyFill="1" applyBorder="1"/>
    <xf numFmtId="38" fontId="1" fillId="0" borderId="14" xfId="1" applyFont="1" applyFill="1" applyBorder="1"/>
    <xf numFmtId="176" fontId="4" fillId="0" borderId="22" xfId="0" applyNumberFormat="1" applyFont="1" applyFill="1" applyBorder="1" applyAlignment="1">
      <alignment vertical="center"/>
    </xf>
    <xf numFmtId="176" fontId="4" fillId="0" borderId="22" xfId="0" quotePrefix="1" applyNumberFormat="1" applyFont="1" applyFill="1" applyBorder="1" applyAlignment="1">
      <alignment horizontal="distributed" vertical="center"/>
    </xf>
    <xf numFmtId="176" fontId="4" fillId="0" borderId="23" xfId="0" quotePrefix="1" applyNumberFormat="1" applyFont="1" applyFill="1" applyBorder="1" applyAlignment="1">
      <alignment horizontal="distributed" vertical="center"/>
    </xf>
    <xf numFmtId="38" fontId="1" fillId="0" borderId="21" xfId="1" applyFont="1" applyFill="1" applyBorder="1"/>
    <xf numFmtId="2" fontId="0" fillId="0" borderId="33" xfId="0" applyNumberFormat="1" applyFill="1" applyBorder="1"/>
    <xf numFmtId="176" fontId="4" fillId="0" borderId="9" xfId="0" quotePrefix="1" applyNumberFormat="1" applyFont="1" applyFill="1" applyBorder="1" applyAlignment="1">
      <alignment horizontal="distributed" vertical="center"/>
    </xf>
    <xf numFmtId="176" fontId="4" fillId="0" borderId="10" xfId="0" quotePrefix="1" applyNumberFormat="1" applyFont="1" applyFill="1" applyBorder="1" applyAlignment="1">
      <alignment horizontal="distributed" vertical="center"/>
    </xf>
    <xf numFmtId="38" fontId="1" fillId="0" borderId="29" xfId="1" applyBorder="1"/>
    <xf numFmtId="38" fontId="1" fillId="0" borderId="34" xfId="1" applyFont="1" applyFill="1" applyBorder="1"/>
    <xf numFmtId="176" fontId="1" fillId="0" borderId="35" xfId="1" applyNumberFormat="1" applyBorder="1"/>
    <xf numFmtId="176" fontId="4" fillId="0" borderId="15" xfId="0" quotePrefix="1" applyNumberFormat="1" applyFont="1" applyFill="1" applyBorder="1" applyAlignment="1">
      <alignment horizontal="distributed" vertical="center"/>
    </xf>
    <xf numFmtId="38" fontId="1" fillId="0" borderId="36" xfId="1" applyFont="1" applyFill="1" applyBorder="1"/>
    <xf numFmtId="176" fontId="1" fillId="0" borderId="15" xfId="1" applyNumberFormat="1" applyFont="1" applyBorder="1"/>
    <xf numFmtId="0" fontId="0" fillId="0" borderId="37" xfId="0" applyFill="1" applyBorder="1"/>
    <xf numFmtId="176" fontId="4" fillId="0" borderId="38" xfId="0" applyNumberFormat="1" applyFont="1" applyFill="1" applyBorder="1" applyAlignment="1">
      <alignment horizontal="distributed" vertical="top"/>
    </xf>
    <xf numFmtId="176" fontId="4" fillId="0" borderId="39" xfId="0" applyNumberFormat="1" applyFont="1" applyFill="1" applyBorder="1" applyAlignment="1">
      <alignment horizontal="distributed" vertical="top"/>
    </xf>
    <xf numFmtId="38" fontId="1" fillId="0" borderId="38" xfId="1" applyFont="1" applyFill="1" applyBorder="1"/>
    <xf numFmtId="38" fontId="1" fillId="0" borderId="40" xfId="1" applyFont="1" applyFill="1" applyBorder="1"/>
    <xf numFmtId="38" fontId="1" fillId="0" borderId="41" xfId="1" applyFont="1" applyFill="1" applyBorder="1"/>
    <xf numFmtId="176" fontId="1" fillId="0" borderId="42" xfId="1" applyNumberFormat="1" applyBorder="1"/>
    <xf numFmtId="176" fontId="1" fillId="0" borderId="43" xfId="1" applyNumberFormat="1" applyFont="1" applyFill="1" applyBorder="1"/>
    <xf numFmtId="2" fontId="0" fillId="0" borderId="44" xfId="0" applyNumberFormat="1" applyFill="1" applyBorder="1"/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6" fillId="0" borderId="0" xfId="0" applyFont="1"/>
    <xf numFmtId="0" fontId="0" fillId="0" borderId="0" xfId="0" applyBorder="1"/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75"/>
  <sheetViews>
    <sheetView tabSelected="1" view="pageBreakPreview" zoomScale="115" zoomScaleNormal="100" zoomScaleSheetLayoutView="115" workbookViewId="0">
      <selection activeCell="I71" sqref="I71"/>
    </sheetView>
  </sheetViews>
  <sheetFormatPr defaultColWidth="9" defaultRowHeight="13.2" x14ac:dyDescent="0.2"/>
  <cols>
    <col min="1" max="1" width="2.77734375" style="2" customWidth="1"/>
    <col min="2" max="2" width="1.21875" style="2" customWidth="1"/>
    <col min="3" max="3" width="2.33203125" style="2" customWidth="1"/>
    <col min="4" max="4" width="15" style="2" customWidth="1"/>
    <col min="5" max="5" width="1" style="2" customWidth="1"/>
    <col min="6" max="7" width="14.44140625" style="2" bestFit="1" customWidth="1"/>
    <col min="8" max="8" width="18" style="2" bestFit="1" customWidth="1"/>
    <col min="9" max="9" width="13.109375" style="2" bestFit="1" customWidth="1"/>
    <col min="10" max="10" width="12.6640625" style="2" bestFit="1" customWidth="1"/>
    <col min="11" max="11" width="13.88671875" style="2" customWidth="1"/>
    <col min="12" max="12" width="20.109375" style="2" customWidth="1"/>
    <col min="13" max="16384" width="9" style="2"/>
  </cols>
  <sheetData>
    <row r="1" spans="2:12" ht="17.25" customHeight="1" x14ac:dyDescent="0.2">
      <c r="B1" s="1" t="s">
        <v>0</v>
      </c>
      <c r="C1" s="1"/>
      <c r="D1" s="1"/>
      <c r="E1" s="1"/>
      <c r="F1" s="1"/>
      <c r="G1" s="1"/>
      <c r="H1" s="1"/>
      <c r="I1" s="1"/>
      <c r="J1" s="1"/>
      <c r="K1" s="1"/>
    </row>
    <row r="2" spans="2:12" ht="24.75" customHeight="1" thickBot="1" x14ac:dyDescent="0.25">
      <c r="J2" s="3"/>
      <c r="K2" s="4" t="s">
        <v>1</v>
      </c>
      <c r="L2" s="5"/>
    </row>
    <row r="3" spans="2:12" s="14" customFormat="1" ht="23.25" customHeight="1" thickBot="1" x14ac:dyDescent="0.25">
      <c r="B3" s="6"/>
      <c r="C3" s="7" t="s">
        <v>2</v>
      </c>
      <c r="D3" s="7"/>
      <c r="E3" s="8"/>
      <c r="F3" s="9" t="s">
        <v>3</v>
      </c>
      <c r="G3" s="10" t="s">
        <v>4</v>
      </c>
      <c r="H3" s="9" t="s">
        <v>5</v>
      </c>
      <c r="I3" s="11" t="s">
        <v>6</v>
      </c>
      <c r="J3" s="10" t="s">
        <v>7</v>
      </c>
      <c r="K3" s="12" t="s">
        <v>8</v>
      </c>
      <c r="L3" s="13"/>
    </row>
    <row r="4" spans="2:12" ht="14.25" customHeight="1" x14ac:dyDescent="0.2">
      <c r="B4" s="15"/>
      <c r="C4" s="16" t="s">
        <v>9</v>
      </c>
      <c r="D4" s="16"/>
      <c r="E4" s="17"/>
      <c r="F4" s="18">
        <v>439958</v>
      </c>
      <c r="G4" s="19">
        <v>55</v>
      </c>
      <c r="H4" s="18">
        <v>440013</v>
      </c>
      <c r="I4" s="20">
        <v>374589</v>
      </c>
      <c r="J4" s="19">
        <v>65424</v>
      </c>
      <c r="K4" s="21">
        <v>1.1746554223428878</v>
      </c>
    </row>
    <row r="5" spans="2:12" ht="14.25" customHeight="1" x14ac:dyDescent="0.2">
      <c r="B5" s="22"/>
      <c r="C5" s="23"/>
      <c r="D5" s="24" t="s">
        <v>10</v>
      </c>
      <c r="E5" s="25"/>
      <c r="F5" s="26">
        <v>27564</v>
      </c>
      <c r="G5" s="27">
        <v>2</v>
      </c>
      <c r="H5" s="18">
        <v>27566</v>
      </c>
      <c r="I5" s="28">
        <v>23281</v>
      </c>
      <c r="J5" s="29">
        <v>4285</v>
      </c>
      <c r="K5" s="21">
        <v>1.1840556677118681</v>
      </c>
      <c r="L5" s="30"/>
    </row>
    <row r="6" spans="2:12" ht="14.4" x14ac:dyDescent="0.2">
      <c r="B6" s="22"/>
      <c r="C6" s="23"/>
      <c r="D6" s="24" t="s">
        <v>11</v>
      </c>
      <c r="E6" s="25"/>
      <c r="F6" s="26">
        <v>20704</v>
      </c>
      <c r="G6" s="27">
        <v>2</v>
      </c>
      <c r="H6" s="18">
        <v>20706</v>
      </c>
      <c r="I6" s="28">
        <v>16888</v>
      </c>
      <c r="J6" s="29">
        <v>3818</v>
      </c>
      <c r="K6" s="21">
        <v>1.2260776882993842</v>
      </c>
      <c r="L6" s="30"/>
    </row>
    <row r="7" spans="2:12" ht="14.4" x14ac:dyDescent="0.2">
      <c r="B7" s="22"/>
      <c r="C7" s="23"/>
      <c r="D7" s="24" t="s">
        <v>12</v>
      </c>
      <c r="E7" s="25"/>
      <c r="F7" s="26">
        <v>10287</v>
      </c>
      <c r="G7" s="27">
        <v>2</v>
      </c>
      <c r="H7" s="18">
        <v>10289</v>
      </c>
      <c r="I7" s="28">
        <v>8365</v>
      </c>
      <c r="J7" s="29">
        <v>1924</v>
      </c>
      <c r="K7" s="21">
        <v>1.2300059772863121</v>
      </c>
      <c r="L7" s="30"/>
    </row>
    <row r="8" spans="2:12" ht="14.4" x14ac:dyDescent="0.2">
      <c r="B8" s="22"/>
      <c r="C8" s="23"/>
      <c r="D8" s="24" t="s">
        <v>13</v>
      </c>
      <c r="E8" s="25"/>
      <c r="F8" s="26">
        <v>14756</v>
      </c>
      <c r="G8" s="27">
        <v>5</v>
      </c>
      <c r="H8" s="18">
        <v>14761</v>
      </c>
      <c r="I8" s="28">
        <v>11578</v>
      </c>
      <c r="J8" s="29">
        <v>3183</v>
      </c>
      <c r="K8" s="21">
        <v>1.2749179478320953</v>
      </c>
      <c r="L8" s="30"/>
    </row>
    <row r="9" spans="2:12" ht="14.4" x14ac:dyDescent="0.2">
      <c r="B9" s="22"/>
      <c r="C9" s="23"/>
      <c r="D9" s="24" t="s">
        <v>14</v>
      </c>
      <c r="E9" s="25"/>
      <c r="F9" s="26">
        <v>20668</v>
      </c>
      <c r="G9" s="27">
        <v>0</v>
      </c>
      <c r="H9" s="18">
        <v>20668</v>
      </c>
      <c r="I9" s="28">
        <v>17745</v>
      </c>
      <c r="J9" s="29">
        <v>2923</v>
      </c>
      <c r="K9" s="21">
        <v>1.1647224570301493</v>
      </c>
      <c r="L9" s="30"/>
    </row>
    <row r="10" spans="2:12" ht="14.4" x14ac:dyDescent="0.2">
      <c r="B10" s="22"/>
      <c r="C10" s="23"/>
      <c r="D10" s="24" t="s">
        <v>15</v>
      </c>
      <c r="E10" s="25"/>
      <c r="F10" s="26">
        <v>29046</v>
      </c>
      <c r="G10" s="27">
        <v>2</v>
      </c>
      <c r="H10" s="18">
        <v>29048</v>
      </c>
      <c r="I10" s="28">
        <v>25498</v>
      </c>
      <c r="J10" s="29">
        <v>3550</v>
      </c>
      <c r="K10" s="21">
        <v>1.1392266060083143</v>
      </c>
      <c r="L10" s="30"/>
    </row>
    <row r="11" spans="2:12" ht="14.25" customHeight="1" x14ac:dyDescent="0.2">
      <c r="B11" s="22"/>
      <c r="C11" s="23"/>
      <c r="D11" s="31" t="s">
        <v>16</v>
      </c>
      <c r="E11" s="32"/>
      <c r="F11" s="26">
        <v>23287</v>
      </c>
      <c r="G11" s="27">
        <v>0</v>
      </c>
      <c r="H11" s="18">
        <v>23287</v>
      </c>
      <c r="I11" s="28">
        <v>19753</v>
      </c>
      <c r="J11" s="29">
        <v>3534</v>
      </c>
      <c r="K11" s="21">
        <v>1.1789095327292056</v>
      </c>
      <c r="L11" s="30"/>
    </row>
    <row r="12" spans="2:12" ht="14.25" customHeight="1" x14ac:dyDescent="0.2">
      <c r="B12" s="22"/>
      <c r="C12" s="23"/>
      <c r="D12" s="24" t="s">
        <v>17</v>
      </c>
      <c r="E12" s="25"/>
      <c r="F12" s="33">
        <v>31968</v>
      </c>
      <c r="G12" s="34">
        <v>3</v>
      </c>
      <c r="H12" s="18">
        <v>31971</v>
      </c>
      <c r="I12" s="28">
        <v>29126</v>
      </c>
      <c r="J12" s="29">
        <v>2845</v>
      </c>
      <c r="K12" s="21">
        <v>1.097679049646364</v>
      </c>
      <c r="L12" s="30"/>
    </row>
    <row r="13" spans="2:12" ht="14.25" customHeight="1" x14ac:dyDescent="0.2">
      <c r="B13" s="22"/>
      <c r="C13" s="23"/>
      <c r="D13" s="24" t="s">
        <v>18</v>
      </c>
      <c r="E13" s="25"/>
      <c r="F13" s="26">
        <v>19776</v>
      </c>
      <c r="G13" s="27">
        <v>4</v>
      </c>
      <c r="H13" s="18">
        <v>19780</v>
      </c>
      <c r="I13" s="28">
        <v>18092</v>
      </c>
      <c r="J13" s="29">
        <v>1688</v>
      </c>
      <c r="K13" s="21">
        <v>1.0933009064780013</v>
      </c>
      <c r="L13" s="30"/>
    </row>
    <row r="14" spans="2:12" ht="14.25" customHeight="1" x14ac:dyDescent="0.2">
      <c r="B14" s="22"/>
      <c r="C14" s="23"/>
      <c r="D14" s="24" t="s">
        <v>19</v>
      </c>
      <c r="E14" s="25"/>
      <c r="F14" s="26">
        <v>26520</v>
      </c>
      <c r="G14" s="27">
        <v>4</v>
      </c>
      <c r="H14" s="18">
        <v>26524</v>
      </c>
      <c r="I14" s="28">
        <v>24997</v>
      </c>
      <c r="J14" s="29">
        <v>1527</v>
      </c>
      <c r="K14" s="21">
        <v>1.0610873304796575</v>
      </c>
      <c r="L14" s="30"/>
    </row>
    <row r="15" spans="2:12" ht="14.25" customHeight="1" x14ac:dyDescent="0.2">
      <c r="B15" s="22"/>
      <c r="C15" s="23"/>
      <c r="D15" s="24" t="s">
        <v>20</v>
      </c>
      <c r="E15" s="25"/>
      <c r="F15" s="26">
        <v>29527</v>
      </c>
      <c r="G15" s="27">
        <v>6</v>
      </c>
      <c r="H15" s="18">
        <v>29533</v>
      </c>
      <c r="I15" s="28">
        <v>22318</v>
      </c>
      <c r="J15" s="29">
        <v>7215</v>
      </c>
      <c r="K15" s="21">
        <v>1.3232816560623712</v>
      </c>
      <c r="L15" s="30"/>
    </row>
    <row r="16" spans="2:12" ht="14.4" x14ac:dyDescent="0.2">
      <c r="B16" s="22"/>
      <c r="C16" s="23"/>
      <c r="D16" s="24" t="s">
        <v>21</v>
      </c>
      <c r="E16" s="25"/>
      <c r="F16" s="26">
        <v>23078</v>
      </c>
      <c r="G16" s="27">
        <v>1</v>
      </c>
      <c r="H16" s="18">
        <v>23079</v>
      </c>
      <c r="I16" s="28">
        <v>19263</v>
      </c>
      <c r="J16" s="29">
        <v>3816</v>
      </c>
      <c r="K16" s="21">
        <v>1.1980999844261018</v>
      </c>
      <c r="L16" s="30"/>
    </row>
    <row r="17" spans="2:12" ht="14.25" customHeight="1" x14ac:dyDescent="0.2">
      <c r="B17" s="22"/>
      <c r="C17" s="23"/>
      <c r="D17" s="24" t="s">
        <v>22</v>
      </c>
      <c r="E17" s="25"/>
      <c r="F17" s="26">
        <v>38488</v>
      </c>
      <c r="G17" s="27">
        <v>5</v>
      </c>
      <c r="H17" s="18">
        <v>38493</v>
      </c>
      <c r="I17" s="28">
        <v>30890</v>
      </c>
      <c r="J17" s="29">
        <v>7603</v>
      </c>
      <c r="K17" s="21">
        <v>1.2461314341210747</v>
      </c>
      <c r="L17" s="30"/>
    </row>
    <row r="18" spans="2:12" ht="14.25" customHeight="1" x14ac:dyDescent="0.2">
      <c r="B18" s="22"/>
      <c r="C18" s="23"/>
      <c r="D18" s="24" t="s">
        <v>23</v>
      </c>
      <c r="E18" s="25"/>
      <c r="F18" s="26">
        <v>27948</v>
      </c>
      <c r="G18" s="27">
        <v>10</v>
      </c>
      <c r="H18" s="18">
        <v>27958</v>
      </c>
      <c r="I18" s="28">
        <v>20539</v>
      </c>
      <c r="J18" s="29">
        <v>7419</v>
      </c>
      <c r="K18" s="21">
        <v>1.3612152490384146</v>
      </c>
      <c r="L18" s="30"/>
    </row>
    <row r="19" spans="2:12" ht="14.25" customHeight="1" x14ac:dyDescent="0.2">
      <c r="B19" s="22"/>
      <c r="C19" s="23"/>
      <c r="D19" s="24" t="s">
        <v>24</v>
      </c>
      <c r="E19" s="25"/>
      <c r="F19" s="26">
        <v>46530</v>
      </c>
      <c r="G19" s="27">
        <v>6</v>
      </c>
      <c r="H19" s="18">
        <v>46536</v>
      </c>
      <c r="I19" s="28">
        <v>40584</v>
      </c>
      <c r="J19" s="29">
        <v>5952</v>
      </c>
      <c r="K19" s="21">
        <v>1.1466587817859255</v>
      </c>
      <c r="L19" s="30"/>
    </row>
    <row r="20" spans="2:12" ht="14.25" customHeight="1" x14ac:dyDescent="0.2">
      <c r="B20" s="22"/>
      <c r="C20" s="23"/>
      <c r="D20" s="24" t="s">
        <v>25</v>
      </c>
      <c r="E20" s="25"/>
      <c r="F20" s="26">
        <v>16853</v>
      </c>
      <c r="G20" s="27">
        <v>2</v>
      </c>
      <c r="H20" s="18">
        <v>16855</v>
      </c>
      <c r="I20" s="28">
        <v>14271</v>
      </c>
      <c r="J20" s="29">
        <v>2584</v>
      </c>
      <c r="K20" s="21">
        <v>1.1810664984934482</v>
      </c>
      <c r="L20" s="30"/>
    </row>
    <row r="21" spans="2:12" ht="14.25" customHeight="1" x14ac:dyDescent="0.2">
      <c r="B21" s="22"/>
      <c r="C21" s="23"/>
      <c r="D21" s="24" t="s">
        <v>26</v>
      </c>
      <c r="E21" s="25"/>
      <c r="F21" s="26">
        <v>18039</v>
      </c>
      <c r="G21" s="27">
        <v>1</v>
      </c>
      <c r="H21" s="18">
        <v>18040</v>
      </c>
      <c r="I21" s="28">
        <v>19690</v>
      </c>
      <c r="J21" s="29">
        <v>-1650</v>
      </c>
      <c r="K21" s="21">
        <v>0.91620111731843579</v>
      </c>
      <c r="L21" s="30"/>
    </row>
    <row r="22" spans="2:12" ht="14.25" customHeight="1" x14ac:dyDescent="0.2">
      <c r="B22" s="22"/>
      <c r="C22" s="23"/>
      <c r="D22" s="24" t="s">
        <v>27</v>
      </c>
      <c r="E22" s="25"/>
      <c r="F22" s="26">
        <v>14919</v>
      </c>
      <c r="G22" s="27">
        <v>0</v>
      </c>
      <c r="H22" s="18">
        <v>14919</v>
      </c>
      <c r="I22" s="28">
        <v>11711</v>
      </c>
      <c r="J22" s="29">
        <v>3208</v>
      </c>
      <c r="K22" s="21">
        <v>1.2739304926991717</v>
      </c>
      <c r="L22" s="30"/>
    </row>
    <row r="23" spans="2:12" ht="14.25" customHeight="1" x14ac:dyDescent="0.2">
      <c r="B23" s="22"/>
      <c r="C23" s="35" t="s">
        <v>28</v>
      </c>
      <c r="D23" s="35"/>
      <c r="E23" s="32"/>
      <c r="F23" s="26">
        <v>176660</v>
      </c>
      <c r="G23" s="27">
        <v>34</v>
      </c>
      <c r="H23" s="18">
        <v>176694</v>
      </c>
      <c r="I23" s="36">
        <v>142530</v>
      </c>
      <c r="J23" s="29">
        <v>34164</v>
      </c>
      <c r="K23" s="21">
        <v>1.2396969059145444</v>
      </c>
      <c r="L23" s="30"/>
    </row>
    <row r="24" spans="2:12" ht="14.4" x14ac:dyDescent="0.2">
      <c r="B24" s="22"/>
      <c r="C24" s="23"/>
      <c r="D24" s="24" t="s">
        <v>29</v>
      </c>
      <c r="E24" s="25"/>
      <c r="F24" s="26">
        <v>23169</v>
      </c>
      <c r="G24" s="27">
        <v>2</v>
      </c>
      <c r="H24" s="18">
        <v>23171</v>
      </c>
      <c r="I24" s="28">
        <v>20135</v>
      </c>
      <c r="J24" s="29">
        <v>3036</v>
      </c>
      <c r="K24" s="21">
        <v>1.1507822200148994</v>
      </c>
      <c r="L24" s="30"/>
    </row>
    <row r="25" spans="2:12" ht="14.4" x14ac:dyDescent="0.2">
      <c r="B25" s="22"/>
      <c r="C25" s="23"/>
      <c r="D25" s="24" t="s">
        <v>30</v>
      </c>
      <c r="E25" s="25"/>
      <c r="F25" s="26">
        <v>18139</v>
      </c>
      <c r="G25" s="27">
        <v>3</v>
      </c>
      <c r="H25" s="18">
        <v>18142</v>
      </c>
      <c r="I25" s="28">
        <v>14475</v>
      </c>
      <c r="J25" s="29">
        <v>3667</v>
      </c>
      <c r="K25" s="21">
        <v>1.2533333333333334</v>
      </c>
      <c r="L25" s="30"/>
    </row>
    <row r="26" spans="2:12" ht="14.4" x14ac:dyDescent="0.2">
      <c r="B26" s="22"/>
      <c r="C26" s="23"/>
      <c r="D26" s="24" t="s">
        <v>31</v>
      </c>
      <c r="E26" s="25"/>
      <c r="F26" s="26">
        <v>28550</v>
      </c>
      <c r="G26" s="27">
        <v>10</v>
      </c>
      <c r="H26" s="18">
        <v>28560</v>
      </c>
      <c r="I26" s="28">
        <v>21945</v>
      </c>
      <c r="J26" s="29">
        <v>6615</v>
      </c>
      <c r="K26" s="21">
        <v>1.3014354066985645</v>
      </c>
      <c r="L26" s="30"/>
    </row>
    <row r="27" spans="2:12" ht="14.4" x14ac:dyDescent="0.2">
      <c r="B27" s="22"/>
      <c r="C27" s="23"/>
      <c r="D27" s="24" t="s">
        <v>32</v>
      </c>
      <c r="E27" s="25"/>
      <c r="F27" s="26">
        <v>26351</v>
      </c>
      <c r="G27" s="27">
        <v>7</v>
      </c>
      <c r="H27" s="18">
        <v>26358</v>
      </c>
      <c r="I27" s="28">
        <v>21498</v>
      </c>
      <c r="J27" s="29">
        <v>4860</v>
      </c>
      <c r="K27" s="21">
        <v>1.2260675411666202</v>
      </c>
      <c r="L27" s="30"/>
    </row>
    <row r="28" spans="2:12" ht="14.4" x14ac:dyDescent="0.2">
      <c r="B28" s="22"/>
      <c r="C28" s="23"/>
      <c r="D28" s="24" t="s">
        <v>33</v>
      </c>
      <c r="E28" s="25"/>
      <c r="F28" s="26">
        <v>27671</v>
      </c>
      <c r="G28" s="27">
        <v>3</v>
      </c>
      <c r="H28" s="18">
        <v>27674</v>
      </c>
      <c r="I28" s="28">
        <v>22186</v>
      </c>
      <c r="J28" s="29">
        <v>5488</v>
      </c>
      <c r="K28" s="21">
        <v>1.2473632020192915</v>
      </c>
      <c r="L28" s="30"/>
    </row>
    <row r="29" spans="2:12" ht="14.4" x14ac:dyDescent="0.2">
      <c r="B29" s="22"/>
      <c r="C29" s="23"/>
      <c r="D29" s="24" t="s">
        <v>34</v>
      </c>
      <c r="E29" s="25"/>
      <c r="F29" s="26">
        <v>25722</v>
      </c>
      <c r="G29" s="27">
        <v>3</v>
      </c>
      <c r="H29" s="18">
        <v>25725</v>
      </c>
      <c r="I29" s="28">
        <v>20356</v>
      </c>
      <c r="J29" s="29">
        <v>5369</v>
      </c>
      <c r="K29" s="21">
        <v>1.2637551581843192</v>
      </c>
      <c r="L29" s="30"/>
    </row>
    <row r="30" spans="2:12" ht="14.25" customHeight="1" x14ac:dyDescent="0.2">
      <c r="B30" s="22"/>
      <c r="C30" s="23"/>
      <c r="D30" s="24" t="s">
        <v>35</v>
      </c>
      <c r="E30" s="25"/>
      <c r="F30" s="26">
        <v>27058</v>
      </c>
      <c r="G30" s="27">
        <v>6</v>
      </c>
      <c r="H30" s="18">
        <v>27064</v>
      </c>
      <c r="I30" s="28">
        <v>21935</v>
      </c>
      <c r="J30" s="29">
        <v>5129</v>
      </c>
      <c r="K30" s="21">
        <v>1.2338272167768407</v>
      </c>
      <c r="L30" s="30"/>
    </row>
    <row r="31" spans="2:12" ht="14.25" customHeight="1" x14ac:dyDescent="0.2">
      <c r="B31" s="37"/>
      <c r="C31" s="35" t="s">
        <v>36</v>
      </c>
      <c r="D31" s="35"/>
      <c r="E31" s="32"/>
      <c r="F31" s="26">
        <v>85337</v>
      </c>
      <c r="G31" s="27">
        <v>6</v>
      </c>
      <c r="H31" s="18">
        <v>85343</v>
      </c>
      <c r="I31" s="38">
        <v>65099</v>
      </c>
      <c r="J31" s="29">
        <v>20244</v>
      </c>
      <c r="K31" s="39">
        <v>1.3109725187790904</v>
      </c>
      <c r="L31" s="30"/>
    </row>
    <row r="32" spans="2:12" ht="14.25" customHeight="1" x14ac:dyDescent="0.2">
      <c r="B32" s="37"/>
      <c r="C32" s="23"/>
      <c r="D32" s="24" t="s">
        <v>37</v>
      </c>
      <c r="E32" s="25"/>
      <c r="F32" s="26">
        <v>22836</v>
      </c>
      <c r="G32" s="27">
        <v>1</v>
      </c>
      <c r="H32" s="18">
        <v>22837</v>
      </c>
      <c r="I32" s="40">
        <v>18753</v>
      </c>
      <c r="J32" s="41">
        <v>4084</v>
      </c>
      <c r="K32" s="39">
        <v>1.2177784887751293</v>
      </c>
      <c r="L32" s="30"/>
    </row>
    <row r="33" spans="2:12" ht="14.25" customHeight="1" x14ac:dyDescent="0.2">
      <c r="B33" s="37"/>
      <c r="C33" s="23"/>
      <c r="D33" s="24" t="s">
        <v>38</v>
      </c>
      <c r="E33" s="25"/>
      <c r="F33" s="26">
        <v>29858</v>
      </c>
      <c r="G33" s="27">
        <v>0</v>
      </c>
      <c r="H33" s="18">
        <v>29858</v>
      </c>
      <c r="I33" s="40">
        <v>22811</v>
      </c>
      <c r="J33" s="41">
        <v>7047</v>
      </c>
      <c r="K33" s="39">
        <v>1.3089299022401473</v>
      </c>
      <c r="L33" s="30"/>
    </row>
    <row r="34" spans="2:12" ht="14.25" customHeight="1" x14ac:dyDescent="0.2">
      <c r="B34" s="37"/>
      <c r="C34" s="23"/>
      <c r="D34" s="24" t="s">
        <v>39</v>
      </c>
      <c r="E34" s="25"/>
      <c r="F34" s="26">
        <v>32643</v>
      </c>
      <c r="G34" s="27">
        <v>5</v>
      </c>
      <c r="H34" s="18">
        <v>32648</v>
      </c>
      <c r="I34" s="40">
        <v>23535</v>
      </c>
      <c r="J34" s="41">
        <v>9113</v>
      </c>
      <c r="K34" s="39">
        <v>1.3872105374973445</v>
      </c>
      <c r="L34" s="30"/>
    </row>
    <row r="35" spans="2:12" ht="14.25" customHeight="1" x14ac:dyDescent="0.2">
      <c r="B35" s="22"/>
      <c r="C35" s="35" t="s">
        <v>40</v>
      </c>
      <c r="D35" s="35"/>
      <c r="E35" s="32"/>
      <c r="F35" s="26">
        <v>57751</v>
      </c>
      <c r="G35" s="27">
        <v>5</v>
      </c>
      <c r="H35" s="18">
        <v>57756</v>
      </c>
      <c r="I35" s="28">
        <v>53280</v>
      </c>
      <c r="J35" s="29">
        <v>4476</v>
      </c>
      <c r="K35" s="21">
        <v>1.0840090090090091</v>
      </c>
      <c r="L35" s="30"/>
    </row>
    <row r="36" spans="2:12" ht="14.25" customHeight="1" x14ac:dyDescent="0.2">
      <c r="B36" s="22"/>
      <c r="C36" s="35" t="s">
        <v>41</v>
      </c>
      <c r="D36" s="35"/>
      <c r="E36" s="32"/>
      <c r="F36" s="26">
        <v>27868</v>
      </c>
      <c r="G36" s="27">
        <v>3</v>
      </c>
      <c r="H36" s="18">
        <v>27871</v>
      </c>
      <c r="I36" s="28">
        <v>19329</v>
      </c>
      <c r="J36" s="29">
        <v>8542</v>
      </c>
      <c r="K36" s="21">
        <v>1.4419266387293703</v>
      </c>
      <c r="L36" s="30"/>
    </row>
    <row r="37" spans="2:12" ht="14.25" customHeight="1" x14ac:dyDescent="0.2">
      <c r="B37" s="22"/>
      <c r="C37" s="35" t="s">
        <v>42</v>
      </c>
      <c r="D37" s="35"/>
      <c r="E37" s="32"/>
      <c r="F37" s="26">
        <v>22984</v>
      </c>
      <c r="G37" s="27">
        <v>2</v>
      </c>
      <c r="H37" s="18">
        <v>22986</v>
      </c>
      <c r="I37" s="28">
        <v>18981</v>
      </c>
      <c r="J37" s="29">
        <v>4005</v>
      </c>
      <c r="K37" s="21">
        <v>1.2110004741583689</v>
      </c>
      <c r="L37" s="30"/>
    </row>
    <row r="38" spans="2:12" ht="14.25" customHeight="1" x14ac:dyDescent="0.2">
      <c r="B38" s="22"/>
      <c r="C38" s="35" t="s">
        <v>43</v>
      </c>
      <c r="D38" s="35"/>
      <c r="E38" s="32"/>
      <c r="F38" s="26">
        <v>51521</v>
      </c>
      <c r="G38" s="27">
        <v>7</v>
      </c>
      <c r="H38" s="18">
        <v>51528</v>
      </c>
      <c r="I38" s="28">
        <v>39109</v>
      </c>
      <c r="J38" s="29">
        <v>12419</v>
      </c>
      <c r="K38" s="21">
        <v>1.3175483903960725</v>
      </c>
      <c r="L38" s="30"/>
    </row>
    <row r="39" spans="2:12" ht="14.25" customHeight="1" x14ac:dyDescent="0.2">
      <c r="B39" s="22"/>
      <c r="C39" s="35" t="s">
        <v>44</v>
      </c>
      <c r="D39" s="35"/>
      <c r="E39" s="32"/>
      <c r="F39" s="26">
        <v>26794</v>
      </c>
      <c r="G39" s="27">
        <v>0</v>
      </c>
      <c r="H39" s="18">
        <v>26794</v>
      </c>
      <c r="I39" s="28">
        <v>22565</v>
      </c>
      <c r="J39" s="29">
        <v>4229</v>
      </c>
      <c r="K39" s="21">
        <v>1.1874141369377353</v>
      </c>
      <c r="L39" s="30"/>
    </row>
    <row r="40" spans="2:12" ht="14.25" customHeight="1" x14ac:dyDescent="0.2">
      <c r="B40" s="22"/>
      <c r="C40" s="35" t="s">
        <v>45</v>
      </c>
      <c r="D40" s="35"/>
      <c r="E40" s="32"/>
      <c r="F40" s="26">
        <v>27105</v>
      </c>
      <c r="G40" s="27">
        <v>6</v>
      </c>
      <c r="H40" s="18">
        <v>27111</v>
      </c>
      <c r="I40" s="28">
        <v>20240</v>
      </c>
      <c r="J40" s="29">
        <v>6871</v>
      </c>
      <c r="K40" s="21">
        <v>1.3394762845849801</v>
      </c>
      <c r="L40" s="30"/>
    </row>
    <row r="41" spans="2:12" ht="14.25" customHeight="1" x14ac:dyDescent="0.2">
      <c r="B41" s="22"/>
      <c r="C41" s="35" t="s">
        <v>46</v>
      </c>
      <c r="D41" s="35"/>
      <c r="E41" s="32"/>
      <c r="F41" s="26">
        <v>9762</v>
      </c>
      <c r="G41" s="27">
        <v>1</v>
      </c>
      <c r="H41" s="18">
        <v>9763</v>
      </c>
      <c r="I41" s="28">
        <v>8477</v>
      </c>
      <c r="J41" s="29">
        <v>1286</v>
      </c>
      <c r="K41" s="21">
        <v>1.1517046124808306</v>
      </c>
      <c r="L41" s="30"/>
    </row>
    <row r="42" spans="2:12" ht="14.25" customHeight="1" x14ac:dyDescent="0.2">
      <c r="B42" s="22"/>
      <c r="C42" s="35" t="s">
        <v>47</v>
      </c>
      <c r="D42" s="35"/>
      <c r="E42" s="32"/>
      <c r="F42" s="26">
        <v>5659</v>
      </c>
      <c r="G42" s="27">
        <v>0</v>
      </c>
      <c r="H42" s="18">
        <v>5659</v>
      </c>
      <c r="I42" s="28">
        <v>5047</v>
      </c>
      <c r="J42" s="29">
        <v>612</v>
      </c>
      <c r="K42" s="21">
        <v>1.1212601545472558</v>
      </c>
      <c r="L42" s="30"/>
    </row>
    <row r="43" spans="2:12" ht="14.25" customHeight="1" x14ac:dyDescent="0.2">
      <c r="B43" s="22"/>
      <c r="C43" s="35" t="s">
        <v>48</v>
      </c>
      <c r="D43" s="35"/>
      <c r="E43" s="32"/>
      <c r="F43" s="26">
        <v>17857</v>
      </c>
      <c r="G43" s="27">
        <v>1</v>
      </c>
      <c r="H43" s="18">
        <v>17858</v>
      </c>
      <c r="I43" s="28">
        <v>15253</v>
      </c>
      <c r="J43" s="29">
        <v>2605</v>
      </c>
      <c r="K43" s="21">
        <v>1.1707860748705172</v>
      </c>
      <c r="L43" s="30"/>
    </row>
    <row r="44" spans="2:12" ht="14.25" customHeight="1" x14ac:dyDescent="0.2">
      <c r="B44" s="22"/>
      <c r="C44" s="35" t="s">
        <v>49</v>
      </c>
      <c r="D44" s="35"/>
      <c r="E44" s="32"/>
      <c r="F44" s="26">
        <v>23991</v>
      </c>
      <c r="G44" s="27">
        <v>2</v>
      </c>
      <c r="H44" s="18">
        <v>23993</v>
      </c>
      <c r="I44" s="28">
        <v>19409</v>
      </c>
      <c r="J44" s="29">
        <v>4584</v>
      </c>
      <c r="K44" s="21">
        <v>1.2361790921737339</v>
      </c>
      <c r="L44" s="30"/>
    </row>
    <row r="45" spans="2:12" ht="14.25" customHeight="1" x14ac:dyDescent="0.2">
      <c r="B45" s="22"/>
      <c r="C45" s="35" t="s">
        <v>50</v>
      </c>
      <c r="D45" s="35"/>
      <c r="E45" s="32"/>
      <c r="F45" s="26">
        <v>29125</v>
      </c>
      <c r="G45" s="27">
        <v>1</v>
      </c>
      <c r="H45" s="18">
        <v>29126</v>
      </c>
      <c r="I45" s="28">
        <v>25411</v>
      </c>
      <c r="J45" s="29">
        <v>3715</v>
      </c>
      <c r="K45" s="21">
        <v>1.1461965290622171</v>
      </c>
      <c r="L45" s="30"/>
    </row>
    <row r="46" spans="2:12" ht="15" customHeight="1" x14ac:dyDescent="0.2">
      <c r="B46" s="22"/>
      <c r="C46" s="35" t="s">
        <v>51</v>
      </c>
      <c r="D46" s="35"/>
      <c r="E46" s="32"/>
      <c r="F46" s="26">
        <v>11495</v>
      </c>
      <c r="G46" s="27">
        <v>0</v>
      </c>
      <c r="H46" s="18">
        <v>11495</v>
      </c>
      <c r="I46" s="38">
        <v>9504</v>
      </c>
      <c r="J46" s="29">
        <v>1991</v>
      </c>
      <c r="K46" s="21">
        <v>1.2094907407407407</v>
      </c>
      <c r="L46" s="30"/>
    </row>
    <row r="47" spans="2:12" ht="15" customHeight="1" x14ac:dyDescent="0.2">
      <c r="B47" s="22"/>
      <c r="C47" s="35" t="s">
        <v>52</v>
      </c>
      <c r="D47" s="35"/>
      <c r="E47" s="32"/>
      <c r="F47" s="26">
        <v>16647</v>
      </c>
      <c r="G47" s="27">
        <v>1</v>
      </c>
      <c r="H47" s="18">
        <v>16648</v>
      </c>
      <c r="I47" s="38">
        <v>12505</v>
      </c>
      <c r="J47" s="29">
        <v>4143</v>
      </c>
      <c r="K47" s="21">
        <v>1.3313074770091964</v>
      </c>
      <c r="L47" s="30"/>
    </row>
    <row r="48" spans="2:12" ht="14.4" x14ac:dyDescent="0.2">
      <c r="B48" s="22"/>
      <c r="C48" s="35" t="s">
        <v>53</v>
      </c>
      <c r="D48" s="35"/>
      <c r="E48" s="32"/>
      <c r="F48" s="26">
        <v>13088</v>
      </c>
      <c r="G48" s="27">
        <v>4</v>
      </c>
      <c r="H48" s="18">
        <v>13092</v>
      </c>
      <c r="I48" s="38">
        <v>10805</v>
      </c>
      <c r="J48" s="29">
        <v>2287</v>
      </c>
      <c r="K48" s="21">
        <v>1.2116612679315133</v>
      </c>
      <c r="L48" s="30"/>
    </row>
    <row r="49" spans="2:12" ht="14.25" customHeight="1" x14ac:dyDescent="0.2">
      <c r="B49" s="22"/>
      <c r="C49" s="35" t="s">
        <v>54</v>
      </c>
      <c r="D49" s="35"/>
      <c r="E49" s="32"/>
      <c r="F49" s="26">
        <v>5416</v>
      </c>
      <c r="G49" s="27">
        <v>0</v>
      </c>
      <c r="H49" s="18">
        <v>5416</v>
      </c>
      <c r="I49" s="38">
        <v>4574</v>
      </c>
      <c r="J49" s="29">
        <v>842</v>
      </c>
      <c r="K49" s="21">
        <v>1.1840839527765632</v>
      </c>
      <c r="L49" s="30"/>
    </row>
    <row r="50" spans="2:12" ht="15" thickBot="1" x14ac:dyDescent="0.25">
      <c r="B50" s="42"/>
      <c r="C50" s="43" t="s">
        <v>55</v>
      </c>
      <c r="D50" s="43"/>
      <c r="E50" s="44"/>
      <c r="F50" s="45">
        <v>9496</v>
      </c>
      <c r="G50" s="46">
        <v>0</v>
      </c>
      <c r="H50" s="30">
        <v>9496</v>
      </c>
      <c r="I50" s="47">
        <v>7942</v>
      </c>
      <c r="J50" s="48">
        <v>1554</v>
      </c>
      <c r="K50" s="49">
        <v>1.1956685973306471</v>
      </c>
      <c r="L50" s="30"/>
    </row>
    <row r="51" spans="2:12" ht="14.25" customHeight="1" thickTop="1" x14ac:dyDescent="0.2">
      <c r="B51" s="50"/>
      <c r="C51" s="16" t="s">
        <v>56</v>
      </c>
      <c r="D51" s="16"/>
      <c r="E51" s="17"/>
      <c r="F51" s="51">
        <v>4644</v>
      </c>
      <c r="G51" s="52">
        <v>3</v>
      </c>
      <c r="H51" s="53">
        <v>4647</v>
      </c>
      <c r="I51" s="54">
        <v>3571</v>
      </c>
      <c r="J51" s="55">
        <v>1076</v>
      </c>
      <c r="K51" s="56">
        <v>1.3013161579389527</v>
      </c>
      <c r="L51" s="30"/>
    </row>
    <row r="52" spans="2:12" ht="14.25" customHeight="1" x14ac:dyDescent="0.2">
      <c r="B52" s="37"/>
      <c r="C52" s="35" t="s">
        <v>57</v>
      </c>
      <c r="D52" s="35"/>
      <c r="E52" s="32"/>
      <c r="F52" s="57">
        <v>5258</v>
      </c>
      <c r="G52" s="27">
        <v>0</v>
      </c>
      <c r="H52" s="18">
        <v>5258</v>
      </c>
      <c r="I52" s="38">
        <v>4248</v>
      </c>
      <c r="J52" s="29">
        <v>1010</v>
      </c>
      <c r="K52" s="21">
        <v>1.237758945386064</v>
      </c>
      <c r="L52" s="30"/>
    </row>
    <row r="53" spans="2:12" ht="14.4" x14ac:dyDescent="0.2">
      <c r="B53" s="22"/>
      <c r="C53" s="35" t="s">
        <v>58</v>
      </c>
      <c r="D53" s="35"/>
      <c r="E53" s="32"/>
      <c r="F53" s="57">
        <v>7798</v>
      </c>
      <c r="G53" s="27">
        <v>0</v>
      </c>
      <c r="H53" s="18">
        <v>7798</v>
      </c>
      <c r="I53" s="36">
        <v>6053</v>
      </c>
      <c r="J53" s="29">
        <v>1745</v>
      </c>
      <c r="K53" s="21">
        <v>1.2882867999339171</v>
      </c>
      <c r="L53" s="30"/>
    </row>
    <row r="54" spans="2:12" ht="14.4" x14ac:dyDescent="0.2">
      <c r="B54" s="22"/>
      <c r="C54" s="23"/>
      <c r="D54" s="24" t="s">
        <v>59</v>
      </c>
      <c r="E54" s="25"/>
      <c r="F54" s="57">
        <v>3610</v>
      </c>
      <c r="G54" s="27">
        <v>0</v>
      </c>
      <c r="H54" s="18">
        <v>3610</v>
      </c>
      <c r="I54" s="38">
        <v>2646</v>
      </c>
      <c r="J54" s="29">
        <v>964</v>
      </c>
      <c r="K54" s="21">
        <v>1.3643235071806501</v>
      </c>
      <c r="L54" s="30"/>
    </row>
    <row r="55" spans="2:12" ht="14.4" x14ac:dyDescent="0.2">
      <c r="B55" s="22"/>
      <c r="C55" s="23"/>
      <c r="D55" s="24" t="s">
        <v>60</v>
      </c>
      <c r="E55" s="25"/>
      <c r="F55" s="57">
        <v>4188</v>
      </c>
      <c r="G55" s="27">
        <v>0</v>
      </c>
      <c r="H55" s="18">
        <v>4188</v>
      </c>
      <c r="I55" s="38">
        <v>3407</v>
      </c>
      <c r="J55" s="29">
        <v>781</v>
      </c>
      <c r="K55" s="21">
        <v>1.2292339301438215</v>
      </c>
      <c r="L55" s="30"/>
    </row>
    <row r="56" spans="2:12" ht="14.4" x14ac:dyDescent="0.2">
      <c r="B56" s="22"/>
      <c r="C56" s="35" t="s">
        <v>61</v>
      </c>
      <c r="D56" s="35"/>
      <c r="E56" s="32"/>
      <c r="F56" s="57">
        <v>8044</v>
      </c>
      <c r="G56" s="27">
        <v>1</v>
      </c>
      <c r="H56" s="18">
        <v>8045</v>
      </c>
      <c r="I56" s="36">
        <v>6646</v>
      </c>
      <c r="J56" s="29">
        <v>1399</v>
      </c>
      <c r="K56" s="21">
        <v>1.2105025579295816</v>
      </c>
      <c r="L56" s="30"/>
    </row>
    <row r="57" spans="2:12" ht="14.4" x14ac:dyDescent="0.2">
      <c r="B57" s="22"/>
      <c r="C57" s="23"/>
      <c r="D57" s="24" t="s">
        <v>62</v>
      </c>
      <c r="E57" s="25"/>
      <c r="F57" s="57">
        <v>975</v>
      </c>
      <c r="G57" s="27">
        <v>0</v>
      </c>
      <c r="H57" s="18">
        <v>975</v>
      </c>
      <c r="I57" s="38">
        <v>760</v>
      </c>
      <c r="J57" s="29">
        <v>215</v>
      </c>
      <c r="K57" s="21">
        <v>1.2828947368421053</v>
      </c>
      <c r="L57" s="30"/>
    </row>
    <row r="58" spans="2:12" ht="14.25" customHeight="1" x14ac:dyDescent="0.2">
      <c r="B58" s="22"/>
      <c r="C58" s="23"/>
      <c r="D58" s="24" t="s">
        <v>63</v>
      </c>
      <c r="E58" s="25"/>
      <c r="F58" s="57">
        <v>2185</v>
      </c>
      <c r="G58" s="27">
        <v>0</v>
      </c>
      <c r="H58" s="18">
        <v>2185</v>
      </c>
      <c r="I58" s="38">
        <v>1948</v>
      </c>
      <c r="J58" s="29">
        <v>237</v>
      </c>
      <c r="K58" s="21">
        <v>1.1216632443531827</v>
      </c>
      <c r="L58" s="30"/>
    </row>
    <row r="59" spans="2:12" ht="14.4" x14ac:dyDescent="0.2">
      <c r="B59" s="22"/>
      <c r="C59" s="23"/>
      <c r="D59" s="24" t="s">
        <v>64</v>
      </c>
      <c r="E59" s="25"/>
      <c r="F59" s="57">
        <v>1236</v>
      </c>
      <c r="G59" s="27">
        <v>0</v>
      </c>
      <c r="H59" s="18">
        <v>1236</v>
      </c>
      <c r="I59" s="38">
        <v>1207</v>
      </c>
      <c r="J59" s="29">
        <v>29</v>
      </c>
      <c r="K59" s="21">
        <v>1.0240265120132559</v>
      </c>
      <c r="L59" s="30"/>
    </row>
    <row r="60" spans="2:12" ht="14.4" x14ac:dyDescent="0.2">
      <c r="B60" s="22"/>
      <c r="C60" s="23"/>
      <c r="D60" s="24" t="s">
        <v>65</v>
      </c>
      <c r="E60" s="25"/>
      <c r="F60" s="57">
        <v>1421</v>
      </c>
      <c r="G60" s="27">
        <v>0</v>
      </c>
      <c r="H60" s="18">
        <v>1421</v>
      </c>
      <c r="I60" s="38">
        <v>990</v>
      </c>
      <c r="J60" s="29">
        <v>431</v>
      </c>
      <c r="K60" s="21">
        <v>1.4353535353535354</v>
      </c>
      <c r="L60" s="30"/>
    </row>
    <row r="61" spans="2:12" ht="14.4" x14ac:dyDescent="0.2">
      <c r="B61" s="22"/>
      <c r="C61" s="23"/>
      <c r="D61" s="24" t="s">
        <v>66</v>
      </c>
      <c r="E61" s="25"/>
      <c r="F61" s="57">
        <v>2227</v>
      </c>
      <c r="G61" s="27">
        <v>1</v>
      </c>
      <c r="H61" s="18">
        <v>2228</v>
      </c>
      <c r="I61" s="38">
        <v>1741</v>
      </c>
      <c r="J61" s="29">
        <v>487</v>
      </c>
      <c r="K61" s="21">
        <v>1.27972429638139</v>
      </c>
      <c r="L61" s="30"/>
    </row>
    <row r="62" spans="2:12" ht="14.25" customHeight="1" x14ac:dyDescent="0.2">
      <c r="B62" s="22"/>
      <c r="C62" s="35" t="s">
        <v>67</v>
      </c>
      <c r="D62" s="35"/>
      <c r="E62" s="32"/>
      <c r="F62" s="57">
        <v>5873</v>
      </c>
      <c r="G62" s="27">
        <v>0</v>
      </c>
      <c r="H62" s="18">
        <v>5873</v>
      </c>
      <c r="I62" s="36">
        <v>4775</v>
      </c>
      <c r="J62" s="29">
        <v>1098</v>
      </c>
      <c r="K62" s="21">
        <v>1.2299476439790575</v>
      </c>
      <c r="L62" s="30"/>
    </row>
    <row r="63" spans="2:12" ht="14.4" x14ac:dyDescent="0.2">
      <c r="B63" s="22"/>
      <c r="C63" s="23"/>
      <c r="D63" s="24" t="s">
        <v>68</v>
      </c>
      <c r="E63" s="25"/>
      <c r="F63" s="57">
        <v>1060</v>
      </c>
      <c r="G63" s="27">
        <v>0</v>
      </c>
      <c r="H63" s="18">
        <v>1060</v>
      </c>
      <c r="I63" s="38">
        <v>993</v>
      </c>
      <c r="J63" s="29">
        <v>67</v>
      </c>
      <c r="K63" s="21">
        <v>1.0674723061430009</v>
      </c>
      <c r="L63" s="30"/>
    </row>
    <row r="64" spans="2:12" ht="14.4" x14ac:dyDescent="0.2">
      <c r="B64" s="22"/>
      <c r="C64" s="23"/>
      <c r="D64" s="24" t="s">
        <v>69</v>
      </c>
      <c r="E64" s="25"/>
      <c r="F64" s="57">
        <v>1063</v>
      </c>
      <c r="G64" s="27">
        <v>0</v>
      </c>
      <c r="H64" s="18">
        <v>1063</v>
      </c>
      <c r="I64" s="38">
        <v>991</v>
      </c>
      <c r="J64" s="29">
        <v>72</v>
      </c>
      <c r="K64" s="21">
        <v>1.0726538849646821</v>
      </c>
      <c r="L64" s="30"/>
    </row>
    <row r="65" spans="1:12" ht="15" customHeight="1" x14ac:dyDescent="0.2">
      <c r="B65" s="22"/>
      <c r="C65" s="23"/>
      <c r="D65" s="24" t="s">
        <v>70</v>
      </c>
      <c r="E65" s="25"/>
      <c r="F65" s="57">
        <v>3750</v>
      </c>
      <c r="G65" s="27">
        <v>0</v>
      </c>
      <c r="H65" s="18">
        <v>3750</v>
      </c>
      <c r="I65" s="38">
        <v>2791</v>
      </c>
      <c r="J65" s="29">
        <v>959</v>
      </c>
      <c r="K65" s="21">
        <v>1.3436044428520244</v>
      </c>
      <c r="L65" s="30"/>
    </row>
    <row r="66" spans="1:12" ht="14.25" customHeight="1" x14ac:dyDescent="0.2">
      <c r="B66" s="22"/>
      <c r="C66" s="35" t="s">
        <v>71</v>
      </c>
      <c r="D66" s="35"/>
      <c r="E66" s="32"/>
      <c r="F66" s="57">
        <v>4147</v>
      </c>
      <c r="G66" s="27">
        <v>0</v>
      </c>
      <c r="H66" s="18">
        <v>4147</v>
      </c>
      <c r="I66" s="36">
        <v>3785</v>
      </c>
      <c r="J66" s="29">
        <v>362</v>
      </c>
      <c r="K66" s="21">
        <v>1.0956406869220607</v>
      </c>
      <c r="L66" s="30"/>
    </row>
    <row r="67" spans="1:12" ht="15" customHeight="1" x14ac:dyDescent="0.2">
      <c r="B67" s="22"/>
      <c r="C67" s="23"/>
      <c r="D67" s="24" t="s">
        <v>72</v>
      </c>
      <c r="E67" s="25"/>
      <c r="F67" s="57">
        <v>3608</v>
      </c>
      <c r="G67" s="27">
        <v>0</v>
      </c>
      <c r="H67" s="18">
        <v>3608</v>
      </c>
      <c r="I67" s="38">
        <v>3312</v>
      </c>
      <c r="J67" s="29">
        <v>296</v>
      </c>
      <c r="K67" s="21">
        <v>1.0893719806763285</v>
      </c>
      <c r="L67" s="30"/>
    </row>
    <row r="68" spans="1:12" ht="15" thickBot="1" x14ac:dyDescent="0.25">
      <c r="B68" s="42"/>
      <c r="C68" s="58"/>
      <c r="D68" s="59" t="s">
        <v>73</v>
      </c>
      <c r="E68" s="60"/>
      <c r="F68" s="61">
        <v>539</v>
      </c>
      <c r="G68" s="46">
        <v>0</v>
      </c>
      <c r="H68" s="30">
        <v>539</v>
      </c>
      <c r="I68" s="47">
        <v>473</v>
      </c>
      <c r="J68" s="48">
        <v>66</v>
      </c>
      <c r="K68" s="62">
        <v>1.1395348837209303</v>
      </c>
    </row>
    <row r="69" spans="1:12" ht="15" thickTop="1" x14ac:dyDescent="0.2">
      <c r="B69" s="15"/>
      <c r="C69" s="63" t="s">
        <v>74</v>
      </c>
      <c r="D69" s="63"/>
      <c r="E69" s="64"/>
      <c r="F69" s="65">
        <v>1058514</v>
      </c>
      <c r="G69" s="65">
        <v>128</v>
      </c>
      <c r="H69" s="66">
        <v>1058642</v>
      </c>
      <c r="I69" s="67">
        <v>874649</v>
      </c>
      <c r="J69" s="55">
        <v>183993</v>
      </c>
      <c r="K69" s="21">
        <v>1.210362099539358</v>
      </c>
    </row>
    <row r="70" spans="1:12" ht="14.4" x14ac:dyDescent="0.2">
      <c r="B70" s="22"/>
      <c r="C70" s="68" t="s">
        <v>75</v>
      </c>
      <c r="D70" s="68"/>
      <c r="E70" s="25"/>
      <c r="F70" s="26">
        <v>35764</v>
      </c>
      <c r="G70" s="27">
        <v>4</v>
      </c>
      <c r="H70" s="69">
        <v>35768</v>
      </c>
      <c r="I70" s="70">
        <v>29078</v>
      </c>
      <c r="J70" s="29">
        <v>6690</v>
      </c>
      <c r="K70" s="21">
        <v>1.2300708439369969</v>
      </c>
    </row>
    <row r="71" spans="1:12" ht="15" thickBot="1" x14ac:dyDescent="0.25">
      <c r="B71" s="71"/>
      <c r="C71" s="72" t="s">
        <v>76</v>
      </c>
      <c r="D71" s="72"/>
      <c r="E71" s="73"/>
      <c r="F71" s="74">
        <v>1094278</v>
      </c>
      <c r="G71" s="75">
        <v>132</v>
      </c>
      <c r="H71" s="76">
        <v>1094410</v>
      </c>
      <c r="I71" s="77">
        <v>903727</v>
      </c>
      <c r="J71" s="78">
        <v>190683</v>
      </c>
      <c r="K71" s="79">
        <v>1.2109962411214892</v>
      </c>
    </row>
    <row r="72" spans="1:12" customFormat="1" x14ac:dyDescent="0.2">
      <c r="A72" s="80" t="s">
        <v>77</v>
      </c>
      <c r="B72" s="80"/>
      <c r="C72" s="81"/>
      <c r="D72" s="82" t="s">
        <v>78</v>
      </c>
    </row>
    <row r="73" spans="1:12" customFormat="1" x14ac:dyDescent="0.2">
      <c r="D73" s="82" t="s">
        <v>79</v>
      </c>
      <c r="I73" s="83"/>
      <c r="J73" s="83"/>
      <c r="K73" s="83"/>
    </row>
    <row r="74" spans="1:12" x14ac:dyDescent="0.2">
      <c r="D74" s="82" t="s">
        <v>80</v>
      </c>
    </row>
    <row r="75" spans="1:12" x14ac:dyDescent="0.2">
      <c r="D75" s="82" t="s">
        <v>81</v>
      </c>
    </row>
  </sheetData>
  <mergeCells count="31">
    <mergeCell ref="A72:B72"/>
    <mergeCell ref="C56:D56"/>
    <mergeCell ref="C62:D62"/>
    <mergeCell ref="C66:D66"/>
    <mergeCell ref="C69:D69"/>
    <mergeCell ref="C70:D70"/>
    <mergeCell ref="C71:D71"/>
    <mergeCell ref="C48:D48"/>
    <mergeCell ref="C49:D49"/>
    <mergeCell ref="C50:D50"/>
    <mergeCell ref="C51:D51"/>
    <mergeCell ref="C52:D52"/>
    <mergeCell ref="C53:D53"/>
    <mergeCell ref="C42:D42"/>
    <mergeCell ref="C43:D43"/>
    <mergeCell ref="C44:D44"/>
    <mergeCell ref="C45:D45"/>
    <mergeCell ref="C46:D46"/>
    <mergeCell ref="C47:D47"/>
    <mergeCell ref="C36:D36"/>
    <mergeCell ref="C37:D37"/>
    <mergeCell ref="C38:D38"/>
    <mergeCell ref="C39:D39"/>
    <mergeCell ref="C40:D40"/>
    <mergeCell ref="C41:D41"/>
    <mergeCell ref="B1:K1"/>
    <mergeCell ref="C3:D3"/>
    <mergeCell ref="C4:D4"/>
    <mergeCell ref="C23:D23"/>
    <mergeCell ref="C31:D31"/>
    <mergeCell ref="C35:D35"/>
  </mergeCells>
  <phoneticPr fontId="3"/>
  <printOptions verticalCentered="1"/>
  <pageMargins left="0.9055118110236221" right="0.23622047244094491" top="0.19685039370078741" bottom="0.15748031496062992" header="0.15748031496062992" footer="0.15748031496062992"/>
  <pageSetup paperSize="9" scale="74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Ｒ4.7.8現在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選管大塚</dc:creator>
  <cp:lastModifiedBy>選管大塚</cp:lastModifiedBy>
  <cp:lastPrinted>2022-07-09T02:20:38Z</cp:lastPrinted>
  <dcterms:created xsi:type="dcterms:W3CDTF">2022-07-09T02:19:35Z</dcterms:created>
  <dcterms:modified xsi:type="dcterms:W3CDTF">2022-07-09T02:20:41Z</dcterms:modified>
</cp:coreProperties>
</file>